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240E59E-8661-47B5-9923-22DB19BB4F67}" v="126" dt="2025-07-04T19:00:41.82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78" d="100"/>
          <a:sy n="78" d="100"/>
        </p:scale>
        <p:origin x="77" y="16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microsoft.com/office/2015/10/relationships/revisionInfo" Target="revisionInfo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4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0" Type="http://schemas.openxmlformats.org/officeDocument/2006/relationships/tags" Target="../tags/tag284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15" Type="http://schemas.openxmlformats.org/officeDocument/2006/relationships/tags" Target="../tags/tag359.xml"/><Relationship Id="rId131" Type="http://schemas.openxmlformats.org/officeDocument/2006/relationships/tags" Target="../tags/tag375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86882" y="4967758"/>
            <a:ext cx="43521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60708" y="5102311"/>
            <a:ext cx="10299357" cy="295189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18262" y="5146581"/>
            <a:ext cx="337875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46581"/>
            <a:ext cx="75470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46581"/>
            <a:ext cx="75470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46581"/>
            <a:ext cx="150939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18262" y="4926554"/>
            <a:ext cx="303892" cy="216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58232" y="2838886"/>
            <a:ext cx="1721709" cy="23409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82310" y="3097966"/>
            <a:ext cx="1696309" cy="23409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68213" y="3364666"/>
            <a:ext cx="1569309" cy="23409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78967" y="3631366"/>
            <a:ext cx="1084306" cy="234091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14226" y="3898066"/>
            <a:ext cx="3227517" cy="234091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44950" y="4164766"/>
            <a:ext cx="434203" cy="234091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50612" y="2838886"/>
            <a:ext cx="1289909" cy="23409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72013" y="3097966"/>
            <a:ext cx="1109706" cy="23409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57916" y="3364666"/>
            <a:ext cx="779506" cy="23409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68670" y="3631366"/>
            <a:ext cx="269103" cy="234091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90479" y="2858524"/>
            <a:ext cx="9432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31178" y="2794423"/>
            <a:ext cx="7136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152463" y="3130372"/>
            <a:ext cx="110112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48861" y="3061123"/>
            <a:ext cx="76680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79599" y="3397072"/>
            <a:ext cx="6120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807274" y="3327823"/>
            <a:ext cx="76680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53061" y="3658624"/>
            <a:ext cx="7901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24597" y="3594523"/>
            <a:ext cx="76680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650704" y="3925324"/>
            <a:ext cx="107572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112733" y="3938167"/>
            <a:ext cx="7922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266852" y="4181726"/>
            <a:ext cx="7486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43523" y="4204867"/>
            <a:ext cx="8303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11811"/>
            <a:ext cx="228600" cy="295189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292811"/>
            <a:ext cx="228600" cy="295189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59124" y="5375190"/>
            <a:ext cx="228600" cy="295189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292811"/>
            <a:ext cx="228600" cy="295189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292811"/>
            <a:ext cx="228600" cy="295189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63593" y="4587232"/>
            <a:ext cx="6374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96837" y="4783098"/>
            <a:ext cx="3707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92555" y="5825681"/>
            <a:ext cx="14639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97334" y="5573123"/>
            <a:ext cx="3072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0805" y="5933803"/>
            <a:ext cx="11117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0653" y="5496179"/>
            <a:ext cx="31990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478664" y="5820533"/>
            <a:ext cx="135066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58954" y="5573123"/>
            <a:ext cx="3453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25914" y="5799937"/>
            <a:ext cx="9779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53279" y="5573123"/>
            <a:ext cx="3707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ct 10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39529" y="164754"/>
            <a:ext cx="7436259" cy="67217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Project Timeline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38801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331" y="5210388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</a:t>
            </a:r>
            <a:r>
              <a:rPr lang="en-GB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458984" y="234937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Project </a:t>
            </a:r>
            <a:r>
              <a:rPr lang="en-US" sz="2400" b="1" dirty="0" err="1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Swimlanes</a:t>
            </a:r>
            <a:r>
              <a:rPr lang="en-US" sz="2400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16555" y="293799"/>
            <a:ext cx="9072847" cy="536884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Sub-</a:t>
            </a:r>
            <a:r>
              <a:rPr lang="en-US" sz="2000" b="1" dirty="0" err="1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/>
                <a:cs typeface="Segoe UI"/>
              </a:rPr>
              <a:t>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Ew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מסך רחב</PresentationFormat>
  <Paragraphs>211</Paragraphs>
  <Slides>3</Slides>
  <Notes>0</Notes>
  <HiddenSlides>0</HiddenSlides>
  <MMClips>0</MMClips>
  <ScaleCrop>false</ScaleCrop>
  <HeadingPairs>
    <vt:vector size="4" baseType="variant"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3</vt:i4>
      </vt:variant>
    </vt:vector>
  </HeadingPairs>
  <TitlesOfParts>
    <vt:vector size="4" baseType="lpstr">
      <vt:lpstr>Office Theme</vt:lpstr>
      <vt:lpstr>מצגת של PowerPoint‏</vt:lpstr>
      <vt:lpstr>מצגת של PowerPoint‏</vt:lpstr>
      <vt:lpstr>מצגת של PowerPoint‏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40</cp:revision>
  <dcterms:created xsi:type="dcterms:W3CDTF">2014-10-29T22:17:45Z</dcterms:created>
  <dcterms:modified xsi:type="dcterms:W3CDTF">2025-07-04T19:04:31Z</dcterms:modified>
</cp:coreProperties>
</file>